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185\Desktop\DEMANDAS\HORÁRIO AVALIAÇÕES\"/>
    </mc:Choice>
  </mc:AlternateContent>
  <bookViews>
    <workbookView xWindow="0" yWindow="0" windowWidth="20490" windowHeight="7665"/>
  </bookViews>
  <sheets>
    <sheet name="Horario de Aplicação de AV." sheetId="3" r:id="rId1"/>
  </sheets>
  <definedNames>
    <definedName name="_xlnm.Print_Area" localSheetId="0">'Horario de Aplicação de AV.'!$B$2:$W$32</definedName>
  </definedNames>
  <calcPr calcId="145621"/>
</workbook>
</file>

<file path=xl/sharedStrings.xml><?xml version="1.0" encoding="utf-8"?>
<sst xmlns="http://schemas.openxmlformats.org/spreadsheetml/2006/main" count="166" uniqueCount="35">
  <si>
    <t>às</t>
  </si>
  <si>
    <t>TURMA:</t>
  </si>
  <si>
    <t>CURSO:</t>
  </si>
  <si>
    <t>SEMESTRE:</t>
  </si>
  <si>
    <t>CCG-FOR-26</t>
  </si>
  <si>
    <t>SEGUNDA-FEIRA</t>
  </si>
  <si>
    <t>TERÇA-FEIRA</t>
  </si>
  <si>
    <t>QUARTA-FEIRA</t>
  </si>
  <si>
    <t>QUINTA-FEIRA</t>
  </si>
  <si>
    <t>SEXTA-FEIRA</t>
  </si>
  <si>
    <t>SÁBADO</t>
  </si>
  <si>
    <t>Aprovado por:</t>
  </si>
  <si>
    <t>Código:</t>
  </si>
  <si>
    <t xml:space="preserve">HORÁRIO DE APLICAÇÃO DE AVALIAÇÃO </t>
  </si>
  <si>
    <t xml:space="preserve"> 05/02/2020 - Versão: 03</t>
  </si>
  <si>
    <t>SUPERINTENDENTE ACADÊMICA</t>
  </si>
  <si>
    <t>PERÍODO:</t>
  </si>
  <si>
    <t>CST ESTÉTICA E COSMÉTICA</t>
  </si>
  <si>
    <t>2020.1</t>
  </si>
  <si>
    <t>18h30</t>
  </si>
  <si>
    <t xml:space="preserve"> </t>
  </si>
  <si>
    <t xml:space="preserve">  </t>
  </si>
  <si>
    <t>EPI0680105NNA</t>
  </si>
  <si>
    <t>ELETROTERAPIA AVANÇADA</t>
  </si>
  <si>
    <t>CIRURGIA PLÁSTICA</t>
  </si>
  <si>
    <t>TERAPIAS ALTERNATIVAS</t>
  </si>
  <si>
    <t>FORMULAÇÕES EM COSMETOLOGIA</t>
  </si>
  <si>
    <t xml:space="preserve">COLORIMETRIA </t>
  </si>
  <si>
    <t>20h10</t>
  </si>
  <si>
    <t>2° AVALIAÇÃO</t>
  </si>
  <si>
    <t>2° CHAMADA</t>
  </si>
  <si>
    <t>FINAL</t>
  </si>
  <si>
    <t>17 a 22/06/2020</t>
  </si>
  <si>
    <t>Prof vai combinar com a turma o dia da avliação nessa semana.</t>
  </si>
  <si>
    <t>23, ou 25 ou 29/06/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Calibri"/>
      <family val="2"/>
      <scheme val="minor"/>
    </font>
    <font>
      <b/>
      <sz val="14"/>
      <color theme="1"/>
      <name val="Arial"/>
      <family val="2"/>
    </font>
    <font>
      <b/>
      <sz val="10"/>
      <color theme="1"/>
      <name val="Arial"/>
      <family val="2"/>
    </font>
    <font>
      <b/>
      <sz val="12"/>
      <color theme="1"/>
      <name val="Arial"/>
      <family val="2"/>
    </font>
    <font>
      <b/>
      <sz val="12"/>
      <color rgb="FFFF0000"/>
      <name val="Arial"/>
      <family val="2"/>
    </font>
    <font>
      <sz val="12"/>
      <color theme="1"/>
      <name val="Arial"/>
      <family val="2"/>
    </font>
    <font>
      <b/>
      <sz val="9"/>
      <color theme="1"/>
      <name val="Arial"/>
      <family val="2"/>
    </font>
    <font>
      <b/>
      <sz val="9"/>
      <color theme="1"/>
      <name val="Calibri"/>
      <family val="2"/>
      <scheme val="minor"/>
    </font>
    <font>
      <sz val="11"/>
      <color theme="1"/>
      <name val="Arial"/>
      <family val="2"/>
    </font>
    <font>
      <b/>
      <sz val="18"/>
      <color theme="1"/>
      <name val="Arial"/>
      <family val="2"/>
    </font>
    <font>
      <b/>
      <sz val="7"/>
      <color theme="1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 style="medium">
        <color theme="3"/>
      </top>
      <bottom/>
      <diagonal/>
    </border>
    <border>
      <left/>
      <right/>
      <top/>
      <bottom style="medium">
        <color theme="3"/>
      </bottom>
      <diagonal/>
    </border>
    <border>
      <left/>
      <right style="medium">
        <color theme="3"/>
      </right>
      <top style="medium">
        <color theme="3"/>
      </top>
      <bottom style="medium">
        <color theme="3"/>
      </bottom>
      <diagonal/>
    </border>
    <border>
      <left/>
      <right/>
      <top style="medium">
        <color theme="3"/>
      </top>
      <bottom style="medium">
        <color theme="3"/>
      </bottom>
      <diagonal/>
    </border>
    <border>
      <left style="medium">
        <color theme="3"/>
      </left>
      <right/>
      <top style="medium">
        <color theme="3"/>
      </top>
      <bottom style="medium">
        <color theme="3"/>
      </bottom>
      <diagonal/>
    </border>
    <border>
      <left/>
      <right style="medium">
        <color theme="3"/>
      </right>
      <top/>
      <bottom/>
      <diagonal/>
    </border>
    <border>
      <left/>
      <right style="medium">
        <color theme="3"/>
      </right>
      <top style="medium">
        <color theme="3"/>
      </top>
      <bottom/>
      <diagonal/>
    </border>
    <border>
      <left style="medium">
        <color theme="3"/>
      </left>
      <right/>
      <top style="medium">
        <color theme="3"/>
      </top>
      <bottom/>
      <diagonal/>
    </border>
    <border>
      <left/>
      <right style="thick">
        <color theme="3"/>
      </right>
      <top/>
      <bottom/>
      <diagonal/>
    </border>
    <border>
      <left/>
      <right style="thick">
        <color theme="3"/>
      </right>
      <top style="medium">
        <color theme="3"/>
      </top>
      <bottom style="medium">
        <color theme="3"/>
      </bottom>
      <diagonal/>
    </border>
    <border>
      <left style="thick">
        <color theme="3"/>
      </left>
      <right/>
      <top style="medium">
        <color theme="3"/>
      </top>
      <bottom style="medium">
        <color theme="3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0" fillId="0" borderId="0" xfId="0" applyBorder="1"/>
    <xf numFmtId="0" fontId="0" fillId="0" borderId="9" xfId="0" applyBorder="1"/>
    <xf numFmtId="0" fontId="2" fillId="5" borderId="12" xfId="0" applyFont="1" applyFill="1" applyBorder="1" applyAlignment="1">
      <alignment horizontal="center" vertical="center"/>
    </xf>
    <xf numFmtId="0" fontId="2" fillId="5" borderId="12" xfId="0" applyFont="1" applyFill="1" applyBorder="1" applyAlignment="1">
      <alignment horizontal="center" vertical="center" wrapText="1"/>
    </xf>
    <xf numFmtId="0" fontId="4" fillId="4" borderId="18" xfId="0" applyFont="1" applyFill="1" applyBorder="1" applyAlignment="1">
      <alignment horizontal="right"/>
    </xf>
    <xf numFmtId="0" fontId="4" fillId="4" borderId="19" xfId="0" applyFont="1" applyFill="1" applyBorder="1" applyAlignment="1">
      <alignment horizontal="left"/>
    </xf>
    <xf numFmtId="20" fontId="4" fillId="4" borderId="19" xfId="0" applyNumberFormat="1" applyFont="1" applyFill="1" applyBorder="1" applyAlignment="1">
      <alignment horizontal="left"/>
    </xf>
    <xf numFmtId="0" fontId="5" fillId="4" borderId="0" xfId="0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8" fillId="0" borderId="4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0" fontId="3" fillId="5" borderId="5" xfId="0" applyFont="1" applyFill="1" applyBorder="1" applyAlignment="1">
      <alignment horizontal="center"/>
    </xf>
    <xf numFmtId="0" fontId="3" fillId="5" borderId="4" xfId="0" applyFont="1" applyFill="1" applyBorder="1" applyAlignment="1">
      <alignment horizontal="center"/>
    </xf>
    <xf numFmtId="0" fontId="3" fillId="2" borderId="8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/>
    </xf>
    <xf numFmtId="0" fontId="3" fillId="2" borderId="7" xfId="0" applyFont="1" applyFill="1" applyBorder="1" applyAlignment="1">
      <alignment horizontal="center"/>
    </xf>
    <xf numFmtId="0" fontId="5" fillId="2" borderId="0" xfId="0" applyFont="1" applyFill="1" applyBorder="1" applyAlignment="1">
      <alignment horizontal="center"/>
    </xf>
    <xf numFmtId="0" fontId="6" fillId="0" borderId="2" xfId="0" applyFont="1" applyBorder="1" applyAlignment="1">
      <alignment horizontal="right" vertical="top"/>
    </xf>
    <xf numFmtId="0" fontId="7" fillId="0" borderId="2" xfId="0" applyFont="1" applyBorder="1" applyAlignment="1">
      <alignment horizontal="right" vertical="top"/>
    </xf>
    <xf numFmtId="0" fontId="3" fillId="5" borderId="11" xfId="0" applyFont="1" applyFill="1" applyBorder="1" applyAlignment="1">
      <alignment horizontal="center"/>
    </xf>
    <xf numFmtId="0" fontId="3" fillId="5" borderId="3" xfId="0" applyFont="1" applyFill="1" applyBorder="1" applyAlignment="1">
      <alignment horizontal="center"/>
    </xf>
    <xf numFmtId="0" fontId="9" fillId="0" borderId="12" xfId="0" applyFont="1" applyBorder="1" applyAlignment="1">
      <alignment horizontal="center" vertical="center"/>
    </xf>
    <xf numFmtId="0" fontId="3" fillId="5" borderId="0" xfId="0" applyFont="1" applyFill="1" applyBorder="1" applyAlignment="1">
      <alignment horizontal="center"/>
    </xf>
    <xf numFmtId="0" fontId="3" fillId="5" borderId="6" xfId="0" applyFont="1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10" xfId="0" applyFont="1" applyBorder="1" applyAlignment="1">
      <alignment horizont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14" fontId="5" fillId="4" borderId="18" xfId="0" applyNumberFormat="1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5" fillId="4" borderId="19" xfId="0" applyFont="1" applyFill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5" fillId="0" borderId="5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1" fillId="4" borderId="15" xfId="0" applyFont="1" applyFill="1" applyBorder="1" applyAlignment="1">
      <alignment horizontal="center" vertical="center"/>
    </xf>
    <xf numFmtId="0" fontId="1" fillId="4" borderId="16" xfId="0" applyFont="1" applyFill="1" applyBorder="1" applyAlignment="1">
      <alignment horizontal="center" vertical="center"/>
    </xf>
    <xf numFmtId="0" fontId="1" fillId="4" borderId="18" xfId="0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center" vertical="center"/>
    </xf>
    <xf numFmtId="0" fontId="1" fillId="4" borderId="20" xfId="0" applyFont="1" applyFill="1" applyBorder="1" applyAlignment="1">
      <alignment horizontal="center" vertical="center"/>
    </xf>
    <xf numFmtId="0" fontId="1" fillId="4" borderId="21" xfId="0" applyFont="1" applyFill="1" applyBorder="1" applyAlignment="1">
      <alignment horizontal="center" vertical="center"/>
    </xf>
    <xf numFmtId="0" fontId="3" fillId="4" borderId="15" xfId="0" applyFont="1" applyFill="1" applyBorder="1" applyAlignment="1">
      <alignment horizontal="center" vertical="center" wrapText="1"/>
    </xf>
    <xf numFmtId="0" fontId="3" fillId="4" borderId="16" xfId="0" applyFont="1" applyFill="1" applyBorder="1" applyAlignment="1">
      <alignment horizontal="center" vertical="center" wrapText="1"/>
    </xf>
    <xf numFmtId="0" fontId="5" fillId="4" borderId="17" xfId="0" applyFont="1" applyFill="1" applyBorder="1" applyAlignment="1">
      <alignment horizontal="center" vertical="center" wrapText="1"/>
    </xf>
    <xf numFmtId="0" fontId="5" fillId="3" borderId="20" xfId="0" applyFont="1" applyFill="1" applyBorder="1" applyAlignment="1">
      <alignment horizontal="center" wrapText="1"/>
    </xf>
    <xf numFmtId="0" fontId="5" fillId="3" borderId="21" xfId="0" applyFont="1" applyFill="1" applyBorder="1" applyAlignment="1">
      <alignment horizontal="center" wrapText="1"/>
    </xf>
    <xf numFmtId="0" fontId="5" fillId="3" borderId="22" xfId="0" applyFont="1" applyFill="1" applyBorder="1" applyAlignment="1">
      <alignment horizontal="center" wrapText="1"/>
    </xf>
    <xf numFmtId="0" fontId="5" fillId="3" borderId="20" xfId="0" applyFont="1" applyFill="1" applyBorder="1" applyAlignment="1">
      <alignment horizontal="center"/>
    </xf>
    <xf numFmtId="0" fontId="5" fillId="3" borderId="21" xfId="0" applyFont="1" applyFill="1" applyBorder="1" applyAlignment="1">
      <alignment horizontal="center"/>
    </xf>
    <xf numFmtId="0" fontId="5" fillId="3" borderId="22" xfId="0" applyFont="1" applyFill="1" applyBorder="1" applyAlignment="1">
      <alignment horizontal="center"/>
    </xf>
    <xf numFmtId="0" fontId="5" fillId="3" borderId="18" xfId="0" applyFont="1" applyFill="1" applyBorder="1" applyAlignment="1">
      <alignment horizontal="center"/>
    </xf>
    <xf numFmtId="0" fontId="5" fillId="3" borderId="0" xfId="0" applyFont="1" applyFill="1" applyBorder="1" applyAlignment="1">
      <alignment horizontal="center"/>
    </xf>
    <xf numFmtId="0" fontId="5" fillId="3" borderId="19" xfId="0" applyFont="1" applyFill="1" applyBorder="1" applyAlignment="1">
      <alignment horizontal="center"/>
    </xf>
    <xf numFmtId="0" fontId="3" fillId="4" borderId="17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6200</xdr:colOff>
      <xdr:row>1</xdr:row>
      <xdr:rowOff>171450</xdr:rowOff>
    </xdr:from>
    <xdr:to>
      <xdr:col>4</xdr:col>
      <xdr:colOff>161925</xdr:colOff>
      <xdr:row>2</xdr:row>
      <xdr:rowOff>327025</xdr:rowOff>
    </xdr:to>
    <xdr:pic>
      <xdr:nvPicPr>
        <xdr:cNvPr id="2" name="Imagem 1" descr="ser. peg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</a:blip>
        <a:srcRect/>
        <a:stretch>
          <a:fillRect/>
        </a:stretch>
      </xdr:blipFill>
      <xdr:spPr bwMode="auto">
        <a:xfrm>
          <a:off x="152400" y="171450"/>
          <a:ext cx="1228725" cy="508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2"/>
  <sheetViews>
    <sheetView tabSelected="1" view="pageBreakPreview" topLeftCell="A5" zoomScaleNormal="100" zoomScaleSheetLayoutView="100" workbookViewId="0">
      <selection activeCell="I29" sqref="I29:K29"/>
    </sheetView>
  </sheetViews>
  <sheetFormatPr defaultRowHeight="15" x14ac:dyDescent="0.25"/>
  <cols>
    <col min="1" max="1" width="1.140625" customWidth="1"/>
    <col min="3" max="4" width="4" customWidth="1"/>
    <col min="5" max="5" width="4.140625" customWidth="1"/>
    <col min="6" max="6" width="10.85546875" customWidth="1"/>
    <col min="7" max="7" width="3.28515625" customWidth="1"/>
    <col min="8" max="9" width="10.85546875" customWidth="1"/>
    <col min="10" max="10" width="3.28515625" customWidth="1"/>
    <col min="11" max="12" width="10.85546875" customWidth="1"/>
    <col min="13" max="13" width="3.28515625" customWidth="1"/>
    <col min="14" max="15" width="10.85546875" customWidth="1"/>
    <col min="16" max="16" width="3.28515625" customWidth="1"/>
    <col min="17" max="18" width="10.85546875" customWidth="1"/>
    <col min="19" max="19" width="3.28515625" customWidth="1"/>
    <col min="20" max="20" width="10.85546875" customWidth="1"/>
    <col min="21" max="21" width="10.7109375" customWidth="1"/>
    <col min="22" max="22" width="3.28515625" customWidth="1"/>
    <col min="23" max="23" width="12.5703125" customWidth="1"/>
    <col min="25" max="25" width="10.140625" customWidth="1"/>
    <col min="26" max="26" width="14" customWidth="1"/>
  </cols>
  <sheetData>
    <row r="1" spans="1:24" ht="15.75" hidden="1" thickBot="1" x14ac:dyDescent="0.3"/>
    <row r="2" spans="1:24" ht="27.75" customHeight="1" thickBot="1" x14ac:dyDescent="0.3">
      <c r="B2" s="25"/>
      <c r="C2" s="25"/>
      <c r="D2" s="25"/>
      <c r="E2" s="25"/>
      <c r="F2" s="22" t="s">
        <v>13</v>
      </c>
      <c r="G2" s="22"/>
      <c r="H2" s="22"/>
      <c r="I2" s="22"/>
      <c r="J2" s="22"/>
      <c r="K2" s="22"/>
      <c r="L2" s="22"/>
      <c r="M2" s="22"/>
      <c r="N2" s="22"/>
      <c r="O2" s="22"/>
      <c r="P2" s="22"/>
      <c r="Q2" s="22"/>
      <c r="R2" s="22"/>
      <c r="S2" s="22"/>
      <c r="T2" s="22"/>
      <c r="U2" s="3" t="s">
        <v>12</v>
      </c>
      <c r="V2" s="29" t="s">
        <v>4</v>
      </c>
      <c r="W2" s="30"/>
      <c r="X2" s="1"/>
    </row>
    <row r="3" spans="1:24" ht="30" customHeight="1" thickBot="1" x14ac:dyDescent="0.3">
      <c r="B3" s="25"/>
      <c r="C3" s="25"/>
      <c r="D3" s="25"/>
      <c r="E3" s="25"/>
      <c r="F3" s="22"/>
      <c r="G3" s="22"/>
      <c r="H3" s="22"/>
      <c r="I3" s="22"/>
      <c r="J3" s="22"/>
      <c r="K3" s="22"/>
      <c r="L3" s="22"/>
      <c r="M3" s="22"/>
      <c r="N3" s="22"/>
      <c r="O3" s="22"/>
      <c r="P3" s="22"/>
      <c r="Q3" s="22"/>
      <c r="R3" s="22"/>
      <c r="S3" s="22"/>
      <c r="T3" s="22"/>
      <c r="U3" s="4" t="s">
        <v>11</v>
      </c>
      <c r="V3" s="31" t="s">
        <v>15</v>
      </c>
      <c r="W3" s="32"/>
      <c r="X3" s="1"/>
    </row>
    <row r="4" spans="1:24" ht="20.25" customHeight="1" thickBot="1" x14ac:dyDescent="0.3">
      <c r="A4" s="1"/>
      <c r="B4" s="18" t="s">
        <v>14</v>
      </c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9"/>
      <c r="W4" s="19"/>
      <c r="X4" s="1"/>
    </row>
    <row r="5" spans="1:24" ht="16.5" thickBot="1" x14ac:dyDescent="0.3">
      <c r="A5" s="2"/>
      <c r="B5" s="20" t="s">
        <v>2</v>
      </c>
      <c r="C5" s="13"/>
      <c r="D5" s="13"/>
      <c r="E5" s="21"/>
      <c r="F5" s="26" t="s">
        <v>17</v>
      </c>
      <c r="G5" s="27"/>
      <c r="H5" s="27"/>
      <c r="I5" s="27"/>
      <c r="J5" s="27"/>
      <c r="K5" s="27"/>
      <c r="L5" s="27"/>
      <c r="M5" s="27"/>
      <c r="N5" s="27"/>
      <c r="O5" s="27"/>
      <c r="P5" s="27"/>
      <c r="Q5" s="27"/>
      <c r="R5" s="27"/>
      <c r="S5" s="27"/>
      <c r="T5" s="27"/>
      <c r="U5" s="27"/>
      <c r="V5" s="27"/>
      <c r="W5" s="28"/>
    </row>
    <row r="6" spans="1:24" ht="16.5" customHeight="1" thickBot="1" x14ac:dyDescent="0.3">
      <c r="A6" s="2"/>
      <c r="B6" s="23" t="s">
        <v>1</v>
      </c>
      <c r="C6" s="23"/>
      <c r="D6" s="23"/>
      <c r="E6" s="24"/>
      <c r="F6" s="37" t="s">
        <v>22</v>
      </c>
      <c r="G6" s="38"/>
      <c r="H6" s="38"/>
      <c r="I6" s="38"/>
      <c r="J6" s="39"/>
      <c r="K6" s="12" t="s">
        <v>16</v>
      </c>
      <c r="L6" s="13"/>
      <c r="M6" s="26">
        <v>5</v>
      </c>
      <c r="N6" s="27"/>
      <c r="O6" s="27"/>
      <c r="P6" s="36"/>
      <c r="Q6" s="12" t="s">
        <v>3</v>
      </c>
      <c r="R6" s="13"/>
      <c r="S6" s="21"/>
      <c r="T6" s="26" t="s">
        <v>18</v>
      </c>
      <c r="U6" s="27"/>
      <c r="V6" s="27"/>
      <c r="W6" s="28"/>
    </row>
    <row r="7" spans="1:24" ht="7.5" customHeight="1" thickBot="1" x14ac:dyDescent="0.3">
      <c r="A7" s="2"/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1"/>
      <c r="X7" s="1"/>
    </row>
    <row r="8" spans="1:24" ht="16.5" thickBot="1" x14ac:dyDescent="0.3">
      <c r="A8" s="2"/>
      <c r="B8" s="17"/>
      <c r="C8" s="17"/>
      <c r="D8" s="17"/>
      <c r="E8" s="17"/>
      <c r="F8" s="14" t="s">
        <v>5</v>
      </c>
      <c r="G8" s="15"/>
      <c r="H8" s="16"/>
      <c r="I8" s="14" t="s">
        <v>6</v>
      </c>
      <c r="J8" s="15"/>
      <c r="K8" s="16"/>
      <c r="L8" s="14" t="s">
        <v>7</v>
      </c>
      <c r="M8" s="15"/>
      <c r="N8" s="16"/>
      <c r="O8" s="14" t="s">
        <v>8</v>
      </c>
      <c r="P8" s="15"/>
      <c r="Q8" s="16"/>
      <c r="R8" s="14" t="s">
        <v>9</v>
      </c>
      <c r="S8" s="15"/>
      <c r="T8" s="16"/>
      <c r="U8" s="14" t="s">
        <v>10</v>
      </c>
      <c r="V8" s="15"/>
      <c r="W8" s="16"/>
      <c r="X8" s="1"/>
    </row>
    <row r="9" spans="1:24" ht="39" customHeight="1" x14ac:dyDescent="0.25">
      <c r="B9" s="40" t="s">
        <v>29</v>
      </c>
      <c r="C9" s="41"/>
      <c r="D9" s="41"/>
      <c r="E9" s="41"/>
      <c r="F9" s="46" t="s">
        <v>23</v>
      </c>
      <c r="G9" s="47"/>
      <c r="H9" s="48"/>
      <c r="I9" s="46" t="s">
        <v>24</v>
      </c>
      <c r="J9" s="47"/>
      <c r="K9" s="48"/>
      <c r="L9" s="46" t="s">
        <v>25</v>
      </c>
      <c r="M9" s="47"/>
      <c r="N9" s="48"/>
      <c r="O9" s="46" t="s">
        <v>26</v>
      </c>
      <c r="P9" s="47"/>
      <c r="Q9" s="48"/>
      <c r="R9" s="46" t="s">
        <v>20</v>
      </c>
      <c r="S9" s="47"/>
      <c r="T9" s="48"/>
      <c r="U9" s="46" t="s">
        <v>20</v>
      </c>
      <c r="V9" s="47"/>
      <c r="W9" s="48"/>
    </row>
    <row r="10" spans="1:24" ht="15.75" x14ac:dyDescent="0.25">
      <c r="B10" s="42"/>
      <c r="C10" s="43"/>
      <c r="D10" s="43"/>
      <c r="E10" s="43"/>
      <c r="F10" s="33">
        <v>44053</v>
      </c>
      <c r="G10" s="34"/>
      <c r="H10" s="35"/>
      <c r="I10" s="33" t="s">
        <v>32</v>
      </c>
      <c r="J10" s="34"/>
      <c r="K10" s="35"/>
      <c r="L10" s="33">
        <v>44047</v>
      </c>
      <c r="M10" s="34"/>
      <c r="N10" s="35"/>
      <c r="O10" s="33">
        <v>44049</v>
      </c>
      <c r="P10" s="34"/>
      <c r="Q10" s="35"/>
      <c r="R10" s="33" t="s">
        <v>20</v>
      </c>
      <c r="S10" s="34"/>
      <c r="T10" s="35"/>
      <c r="U10" s="33" t="s">
        <v>20</v>
      </c>
      <c r="V10" s="34"/>
      <c r="W10" s="35"/>
    </row>
    <row r="11" spans="1:24" ht="15.75" x14ac:dyDescent="0.25">
      <c r="B11" s="42"/>
      <c r="C11" s="43"/>
      <c r="D11" s="43"/>
      <c r="E11" s="43"/>
      <c r="F11" s="5" t="s">
        <v>19</v>
      </c>
      <c r="G11" s="8" t="s">
        <v>0</v>
      </c>
      <c r="H11" s="7">
        <v>0.84027777777777779</v>
      </c>
      <c r="I11" s="5" t="s">
        <v>19</v>
      </c>
      <c r="J11" s="8" t="s">
        <v>0</v>
      </c>
      <c r="K11" s="7">
        <v>0.84027777777777779</v>
      </c>
      <c r="L11" s="5" t="s">
        <v>19</v>
      </c>
      <c r="M11" s="8" t="s">
        <v>0</v>
      </c>
      <c r="N11" s="7">
        <v>0.84027777777777779</v>
      </c>
      <c r="O11" s="5" t="s">
        <v>19</v>
      </c>
      <c r="P11" s="8" t="s">
        <v>0</v>
      </c>
      <c r="Q11" s="7">
        <v>0.84027777777777779</v>
      </c>
      <c r="R11" s="5" t="s">
        <v>20</v>
      </c>
      <c r="S11" s="8" t="s">
        <v>20</v>
      </c>
      <c r="T11" s="7" t="s">
        <v>20</v>
      </c>
      <c r="U11" s="5" t="s">
        <v>20</v>
      </c>
      <c r="V11" s="8" t="s">
        <v>20</v>
      </c>
      <c r="W11" s="7" t="s">
        <v>20</v>
      </c>
    </row>
    <row r="12" spans="1:24" ht="54" customHeight="1" thickBot="1" x14ac:dyDescent="0.3">
      <c r="B12" s="42"/>
      <c r="C12" s="43"/>
      <c r="D12" s="43"/>
      <c r="E12" s="43"/>
      <c r="F12" s="49"/>
      <c r="G12" s="50"/>
      <c r="H12" s="51"/>
      <c r="I12" s="49" t="s">
        <v>33</v>
      </c>
      <c r="J12" s="50"/>
      <c r="K12" s="51"/>
      <c r="L12" s="49"/>
      <c r="M12" s="50"/>
      <c r="N12" s="51"/>
      <c r="O12" s="49"/>
      <c r="P12" s="50"/>
      <c r="Q12" s="51"/>
      <c r="R12" s="49" t="s">
        <v>20</v>
      </c>
      <c r="S12" s="50"/>
      <c r="T12" s="51"/>
      <c r="U12" s="52" t="s">
        <v>20</v>
      </c>
      <c r="V12" s="53"/>
      <c r="W12" s="54"/>
    </row>
    <row r="13" spans="1:24" ht="24.75" customHeight="1" x14ac:dyDescent="0.25">
      <c r="B13" s="42"/>
      <c r="C13" s="43"/>
      <c r="D13" s="43"/>
      <c r="E13" s="43"/>
      <c r="F13" s="46" t="s">
        <v>21</v>
      </c>
      <c r="G13" s="47"/>
      <c r="H13" s="48"/>
      <c r="I13" s="46" t="s">
        <v>20</v>
      </c>
      <c r="J13" s="47"/>
      <c r="K13" s="48"/>
      <c r="L13" s="46" t="s">
        <v>20</v>
      </c>
      <c r="M13" s="47"/>
      <c r="N13" s="48"/>
      <c r="O13" s="46" t="s">
        <v>27</v>
      </c>
      <c r="P13" s="47"/>
      <c r="Q13" s="48"/>
      <c r="R13" s="46" t="s">
        <v>20</v>
      </c>
      <c r="S13" s="47"/>
      <c r="T13" s="48"/>
      <c r="U13" s="46" t="s">
        <v>20</v>
      </c>
      <c r="V13" s="47"/>
      <c r="W13" s="48"/>
    </row>
    <row r="14" spans="1:24" ht="15.75" x14ac:dyDescent="0.25">
      <c r="B14" s="42"/>
      <c r="C14" s="43"/>
      <c r="D14" s="43"/>
      <c r="E14" s="43"/>
      <c r="F14" s="33" t="s">
        <v>20</v>
      </c>
      <c r="G14" s="34"/>
      <c r="H14" s="35"/>
      <c r="I14" s="33" t="s">
        <v>20</v>
      </c>
      <c r="J14" s="34"/>
      <c r="K14" s="35"/>
      <c r="L14" s="33" t="s">
        <v>20</v>
      </c>
      <c r="M14" s="34"/>
      <c r="N14" s="35"/>
      <c r="O14" s="33">
        <v>44049</v>
      </c>
      <c r="P14" s="34"/>
      <c r="Q14" s="35"/>
      <c r="R14" s="33" t="s">
        <v>20</v>
      </c>
      <c r="S14" s="34"/>
      <c r="T14" s="35"/>
      <c r="U14" s="33" t="s">
        <v>20</v>
      </c>
      <c r="V14" s="34"/>
      <c r="W14" s="35"/>
    </row>
    <row r="15" spans="1:24" ht="15.75" x14ac:dyDescent="0.25">
      <c r="B15" s="42"/>
      <c r="C15" s="43"/>
      <c r="D15" s="43"/>
      <c r="E15" s="43"/>
      <c r="F15" s="5" t="s">
        <v>20</v>
      </c>
      <c r="G15" s="8" t="s">
        <v>20</v>
      </c>
      <c r="H15" s="6" t="s">
        <v>20</v>
      </c>
      <c r="I15" s="5" t="s">
        <v>20</v>
      </c>
      <c r="J15" s="8" t="s">
        <v>20</v>
      </c>
      <c r="K15" s="6"/>
      <c r="L15" s="5"/>
      <c r="M15" s="8" t="s">
        <v>20</v>
      </c>
      <c r="N15" s="6"/>
      <c r="O15" s="5" t="s">
        <v>28</v>
      </c>
      <c r="P15" s="8" t="s">
        <v>0</v>
      </c>
      <c r="Q15" s="7">
        <v>0.91666666666666663</v>
      </c>
      <c r="R15" s="33" t="s">
        <v>20</v>
      </c>
      <c r="S15" s="34"/>
      <c r="T15" s="35"/>
      <c r="U15" s="5"/>
      <c r="V15" s="8" t="s">
        <v>20</v>
      </c>
      <c r="W15" s="6"/>
    </row>
    <row r="16" spans="1:24" ht="16.5" thickBot="1" x14ac:dyDescent="0.3">
      <c r="B16" s="44"/>
      <c r="C16" s="45"/>
      <c r="D16" s="45"/>
      <c r="E16" s="45"/>
      <c r="F16" s="55" t="s">
        <v>20</v>
      </c>
      <c r="G16" s="56"/>
      <c r="H16" s="57"/>
      <c r="I16" s="55" t="s">
        <v>20</v>
      </c>
      <c r="J16" s="56"/>
      <c r="K16" s="57"/>
      <c r="L16" s="55" t="s">
        <v>20</v>
      </c>
      <c r="M16" s="56"/>
      <c r="N16" s="57"/>
      <c r="O16" s="49"/>
      <c r="P16" s="50"/>
      <c r="Q16" s="51"/>
      <c r="R16" s="49" t="s">
        <v>20</v>
      </c>
      <c r="S16" s="50"/>
      <c r="T16" s="51"/>
      <c r="U16" s="55" t="s">
        <v>20</v>
      </c>
      <c r="V16" s="56"/>
      <c r="W16" s="57"/>
    </row>
    <row r="17" spans="2:23" ht="37.5" customHeight="1" x14ac:dyDescent="0.25">
      <c r="B17" s="40" t="s">
        <v>30</v>
      </c>
      <c r="C17" s="41"/>
      <c r="D17" s="41"/>
      <c r="E17" s="41"/>
      <c r="F17" s="46"/>
      <c r="G17" s="47"/>
      <c r="H17" s="48"/>
      <c r="I17" s="46" t="s">
        <v>24</v>
      </c>
      <c r="J17" s="47"/>
      <c r="K17" s="48"/>
      <c r="L17" s="46"/>
      <c r="M17" s="47"/>
      <c r="N17" s="48"/>
      <c r="O17" s="46" t="s">
        <v>26</v>
      </c>
      <c r="P17" s="47"/>
      <c r="Q17" s="48"/>
      <c r="R17" s="46" t="s">
        <v>25</v>
      </c>
      <c r="S17" s="47"/>
      <c r="T17" s="48"/>
      <c r="U17" s="46" t="s">
        <v>20</v>
      </c>
      <c r="V17" s="47"/>
      <c r="W17" s="58"/>
    </row>
    <row r="18" spans="2:23" ht="15.75" x14ac:dyDescent="0.25">
      <c r="B18" s="42"/>
      <c r="C18" s="43"/>
      <c r="D18" s="43"/>
      <c r="E18" s="43"/>
      <c r="F18" s="33"/>
      <c r="G18" s="34"/>
      <c r="H18" s="35"/>
      <c r="I18" s="33" t="s">
        <v>34</v>
      </c>
      <c r="J18" s="34"/>
      <c r="K18" s="35"/>
      <c r="L18" s="33"/>
      <c r="M18" s="34"/>
      <c r="N18" s="35"/>
      <c r="O18" s="33">
        <v>44056</v>
      </c>
      <c r="P18" s="34"/>
      <c r="Q18" s="35"/>
      <c r="R18" s="33">
        <v>44057</v>
      </c>
      <c r="S18" s="34"/>
      <c r="T18" s="35"/>
      <c r="U18" s="33"/>
      <c r="V18" s="34"/>
      <c r="W18" s="35"/>
    </row>
    <row r="19" spans="2:23" ht="15.75" x14ac:dyDescent="0.25">
      <c r="B19" s="42"/>
      <c r="C19" s="43"/>
      <c r="D19" s="43"/>
      <c r="E19" s="43"/>
      <c r="F19" s="5"/>
      <c r="G19" s="8"/>
      <c r="H19" s="7"/>
      <c r="I19" s="5" t="s">
        <v>19</v>
      </c>
      <c r="J19" s="8" t="s">
        <v>0</v>
      </c>
      <c r="K19" s="7">
        <v>0.84027777777777779</v>
      </c>
      <c r="L19" s="5"/>
      <c r="M19" s="8"/>
      <c r="N19" s="7"/>
      <c r="O19" s="5" t="s">
        <v>19</v>
      </c>
      <c r="P19" s="8" t="s">
        <v>0</v>
      </c>
      <c r="Q19" s="7">
        <v>0.84027777777777779</v>
      </c>
      <c r="R19" s="5" t="s">
        <v>19</v>
      </c>
      <c r="S19" s="9" t="s">
        <v>0</v>
      </c>
      <c r="T19" s="7">
        <v>0.84027777777777779</v>
      </c>
      <c r="U19" s="5" t="s">
        <v>20</v>
      </c>
      <c r="V19" s="8" t="s">
        <v>20</v>
      </c>
      <c r="W19" s="7" t="s">
        <v>20</v>
      </c>
    </row>
    <row r="20" spans="2:23" ht="47.25" customHeight="1" thickBot="1" x14ac:dyDescent="0.3">
      <c r="B20" s="42"/>
      <c r="C20" s="43"/>
      <c r="D20" s="43"/>
      <c r="E20" s="43"/>
      <c r="F20" s="49"/>
      <c r="G20" s="50"/>
      <c r="H20" s="51"/>
      <c r="I20" s="49" t="s">
        <v>33</v>
      </c>
      <c r="J20" s="50"/>
      <c r="K20" s="51"/>
      <c r="L20" s="49"/>
      <c r="M20" s="50"/>
      <c r="N20" s="51"/>
      <c r="O20" s="49"/>
      <c r="P20" s="50"/>
      <c r="Q20" s="51"/>
      <c r="R20" s="49" t="s">
        <v>20</v>
      </c>
      <c r="S20" s="50"/>
      <c r="T20" s="51"/>
      <c r="U20" s="52" t="s">
        <v>20</v>
      </c>
      <c r="V20" s="53"/>
      <c r="W20" s="54"/>
    </row>
    <row r="21" spans="2:23" ht="40.5" customHeight="1" x14ac:dyDescent="0.25">
      <c r="B21" s="42"/>
      <c r="C21" s="43"/>
      <c r="D21" s="43"/>
      <c r="E21" s="43"/>
      <c r="F21" s="46" t="s">
        <v>21</v>
      </c>
      <c r="G21" s="47"/>
      <c r="H21" s="48"/>
      <c r="I21" s="46" t="s">
        <v>20</v>
      </c>
      <c r="J21" s="47"/>
      <c r="K21" s="48"/>
      <c r="L21" s="46" t="s">
        <v>20</v>
      </c>
      <c r="M21" s="47"/>
      <c r="N21" s="48"/>
      <c r="O21" s="46" t="s">
        <v>27</v>
      </c>
      <c r="P21" s="47"/>
      <c r="Q21" s="48"/>
      <c r="R21" s="46" t="s">
        <v>23</v>
      </c>
      <c r="S21" s="47"/>
      <c r="T21" s="48"/>
      <c r="U21" s="46" t="s">
        <v>20</v>
      </c>
      <c r="V21" s="47"/>
      <c r="W21" s="48"/>
    </row>
    <row r="22" spans="2:23" ht="15.75" x14ac:dyDescent="0.25">
      <c r="B22" s="42"/>
      <c r="C22" s="43"/>
      <c r="D22" s="43"/>
      <c r="E22" s="43"/>
      <c r="F22" s="33" t="s">
        <v>20</v>
      </c>
      <c r="G22" s="34"/>
      <c r="H22" s="35"/>
      <c r="I22" s="33" t="s">
        <v>20</v>
      </c>
      <c r="J22" s="34"/>
      <c r="K22" s="35"/>
      <c r="L22" s="33" t="s">
        <v>20</v>
      </c>
      <c r="M22" s="34"/>
      <c r="N22" s="35"/>
      <c r="O22" s="33">
        <v>44056</v>
      </c>
      <c r="P22" s="34"/>
      <c r="Q22" s="35"/>
      <c r="R22" s="33">
        <v>44057</v>
      </c>
      <c r="S22" s="34"/>
      <c r="T22" s="35"/>
      <c r="U22" s="33" t="s">
        <v>20</v>
      </c>
      <c r="V22" s="34"/>
      <c r="W22" s="35"/>
    </row>
    <row r="23" spans="2:23" ht="15.75" x14ac:dyDescent="0.25">
      <c r="B23" s="42"/>
      <c r="C23" s="43"/>
      <c r="D23" s="43"/>
      <c r="E23" s="43"/>
      <c r="F23" s="5" t="s">
        <v>20</v>
      </c>
      <c r="G23" s="8" t="s">
        <v>20</v>
      </c>
      <c r="H23" s="6" t="s">
        <v>20</v>
      </c>
      <c r="I23" s="5" t="s">
        <v>20</v>
      </c>
      <c r="J23" s="8" t="s">
        <v>20</v>
      </c>
      <c r="K23" s="6"/>
      <c r="L23" s="5"/>
      <c r="M23" s="8" t="s">
        <v>20</v>
      </c>
      <c r="N23" s="6"/>
      <c r="O23" s="5" t="s">
        <v>28</v>
      </c>
      <c r="P23" s="8" t="s">
        <v>0</v>
      </c>
      <c r="Q23" s="7">
        <v>0.91666666666666663</v>
      </c>
      <c r="R23" s="5" t="s">
        <v>28</v>
      </c>
      <c r="S23" s="9" t="s">
        <v>0</v>
      </c>
      <c r="T23" s="7">
        <v>0.91666666666666663</v>
      </c>
      <c r="U23" s="5"/>
      <c r="V23" s="8" t="s">
        <v>20</v>
      </c>
      <c r="W23" s="6"/>
    </row>
    <row r="24" spans="2:23" ht="16.5" thickBot="1" x14ac:dyDescent="0.3">
      <c r="B24" s="44"/>
      <c r="C24" s="45"/>
      <c r="D24" s="45"/>
      <c r="E24" s="45"/>
      <c r="F24" s="55" t="s">
        <v>20</v>
      </c>
      <c r="G24" s="56"/>
      <c r="H24" s="57"/>
      <c r="I24" s="55" t="s">
        <v>20</v>
      </c>
      <c r="J24" s="56"/>
      <c r="K24" s="57"/>
      <c r="L24" s="55" t="s">
        <v>20</v>
      </c>
      <c r="M24" s="56"/>
      <c r="N24" s="57"/>
      <c r="O24" s="49"/>
      <c r="P24" s="50"/>
      <c r="Q24" s="51"/>
      <c r="R24" s="49"/>
      <c r="S24" s="50"/>
      <c r="T24" s="51"/>
      <c r="U24" s="55" t="s">
        <v>20</v>
      </c>
      <c r="V24" s="56"/>
      <c r="W24" s="57"/>
    </row>
    <row r="25" spans="2:23" ht="42" customHeight="1" x14ac:dyDescent="0.25">
      <c r="B25" s="40" t="s">
        <v>31</v>
      </c>
      <c r="C25" s="41"/>
      <c r="D25" s="41"/>
      <c r="E25" s="41"/>
      <c r="F25" s="46" t="s">
        <v>23</v>
      </c>
      <c r="G25" s="47"/>
      <c r="H25" s="48"/>
      <c r="I25" s="46" t="s">
        <v>24</v>
      </c>
      <c r="J25" s="47"/>
      <c r="K25" s="48"/>
      <c r="L25" s="46" t="s">
        <v>25</v>
      </c>
      <c r="M25" s="47"/>
      <c r="N25" s="48"/>
      <c r="O25" s="46" t="s">
        <v>26</v>
      </c>
      <c r="P25" s="47"/>
      <c r="Q25" s="48"/>
      <c r="R25" s="46" t="s">
        <v>20</v>
      </c>
      <c r="S25" s="47"/>
      <c r="T25" s="48"/>
      <c r="U25" s="46" t="s">
        <v>20</v>
      </c>
      <c r="V25" s="47"/>
      <c r="W25" s="48"/>
    </row>
    <row r="26" spans="2:23" ht="15.75" x14ac:dyDescent="0.25">
      <c r="B26" s="42"/>
      <c r="C26" s="43"/>
      <c r="D26" s="43"/>
      <c r="E26" s="43"/>
      <c r="F26" s="33">
        <v>44060</v>
      </c>
      <c r="G26" s="34"/>
      <c r="H26" s="35"/>
      <c r="I26" s="33">
        <v>44019</v>
      </c>
      <c r="J26" s="34"/>
      <c r="K26" s="35"/>
      <c r="L26" s="33">
        <v>44062</v>
      </c>
      <c r="M26" s="34"/>
      <c r="N26" s="35"/>
      <c r="O26" s="33">
        <v>44063</v>
      </c>
      <c r="P26" s="34"/>
      <c r="Q26" s="35"/>
      <c r="R26" s="33" t="s">
        <v>20</v>
      </c>
      <c r="S26" s="34"/>
      <c r="T26" s="35"/>
      <c r="U26" s="33" t="s">
        <v>20</v>
      </c>
      <c r="V26" s="34"/>
      <c r="W26" s="35"/>
    </row>
    <row r="27" spans="2:23" ht="15.75" x14ac:dyDescent="0.25">
      <c r="B27" s="42"/>
      <c r="C27" s="43"/>
      <c r="D27" s="43"/>
      <c r="E27" s="43"/>
      <c r="F27" s="5" t="s">
        <v>19</v>
      </c>
      <c r="G27" s="8" t="s">
        <v>0</v>
      </c>
      <c r="H27" s="7">
        <v>0.84027777777777779</v>
      </c>
      <c r="I27" s="5" t="s">
        <v>19</v>
      </c>
      <c r="J27" s="8" t="s">
        <v>0</v>
      </c>
      <c r="K27" s="7">
        <v>0.84027777777777779</v>
      </c>
      <c r="L27" s="5" t="s">
        <v>19</v>
      </c>
      <c r="M27" s="8" t="s">
        <v>0</v>
      </c>
      <c r="N27" s="7">
        <v>0.84027777777777779</v>
      </c>
      <c r="O27" s="5" t="s">
        <v>19</v>
      </c>
      <c r="P27" s="8" t="s">
        <v>0</v>
      </c>
      <c r="Q27" s="7">
        <v>0.84027777777777779</v>
      </c>
      <c r="R27" s="5" t="s">
        <v>20</v>
      </c>
      <c r="S27" s="8" t="s">
        <v>20</v>
      </c>
      <c r="T27" s="7" t="s">
        <v>20</v>
      </c>
      <c r="U27" s="5" t="s">
        <v>20</v>
      </c>
      <c r="V27" s="8" t="s">
        <v>20</v>
      </c>
      <c r="W27" s="7" t="s">
        <v>20</v>
      </c>
    </row>
    <row r="28" spans="2:23" ht="16.5" thickBot="1" x14ac:dyDescent="0.3">
      <c r="B28" s="42"/>
      <c r="C28" s="43"/>
      <c r="D28" s="43"/>
      <c r="E28" s="43"/>
      <c r="F28" s="49"/>
      <c r="G28" s="50"/>
      <c r="H28" s="51"/>
      <c r="I28" s="49"/>
      <c r="J28" s="50"/>
      <c r="K28" s="51"/>
      <c r="L28" s="49"/>
      <c r="M28" s="50"/>
      <c r="N28" s="51"/>
      <c r="O28" s="49"/>
      <c r="P28" s="50"/>
      <c r="Q28" s="51"/>
      <c r="R28" s="49" t="s">
        <v>20</v>
      </c>
      <c r="S28" s="50"/>
      <c r="T28" s="51"/>
      <c r="U28" s="52" t="s">
        <v>20</v>
      </c>
      <c r="V28" s="53"/>
      <c r="W28" s="54"/>
    </row>
    <row r="29" spans="2:23" ht="15.75" x14ac:dyDescent="0.25">
      <c r="B29" s="42"/>
      <c r="C29" s="43"/>
      <c r="D29" s="43"/>
      <c r="E29" s="43"/>
      <c r="F29" s="46" t="s">
        <v>21</v>
      </c>
      <c r="G29" s="47"/>
      <c r="H29" s="48"/>
      <c r="I29" s="46" t="s">
        <v>20</v>
      </c>
      <c r="J29" s="47"/>
      <c r="K29" s="48"/>
      <c r="L29" s="46" t="s">
        <v>20</v>
      </c>
      <c r="M29" s="47"/>
      <c r="N29" s="48"/>
      <c r="O29" s="46" t="s">
        <v>27</v>
      </c>
      <c r="P29" s="47"/>
      <c r="Q29" s="48"/>
      <c r="R29" s="46" t="s">
        <v>20</v>
      </c>
      <c r="S29" s="47"/>
      <c r="T29" s="48"/>
      <c r="U29" s="46" t="s">
        <v>20</v>
      </c>
      <c r="V29" s="47"/>
      <c r="W29" s="48"/>
    </row>
    <row r="30" spans="2:23" ht="15.75" x14ac:dyDescent="0.25">
      <c r="B30" s="42"/>
      <c r="C30" s="43"/>
      <c r="D30" s="43"/>
      <c r="E30" s="43"/>
      <c r="F30" s="33" t="s">
        <v>20</v>
      </c>
      <c r="G30" s="34"/>
      <c r="H30" s="35"/>
      <c r="I30" s="33" t="s">
        <v>20</v>
      </c>
      <c r="J30" s="34"/>
      <c r="K30" s="35"/>
      <c r="L30" s="33" t="s">
        <v>20</v>
      </c>
      <c r="M30" s="34"/>
      <c r="N30" s="35"/>
      <c r="O30" s="33">
        <v>44063</v>
      </c>
      <c r="P30" s="34"/>
      <c r="Q30" s="35"/>
      <c r="R30" s="33" t="s">
        <v>20</v>
      </c>
      <c r="S30" s="34"/>
      <c r="T30" s="35"/>
      <c r="U30" s="33" t="s">
        <v>20</v>
      </c>
      <c r="V30" s="34"/>
      <c r="W30" s="35"/>
    </row>
    <row r="31" spans="2:23" ht="15.75" x14ac:dyDescent="0.25">
      <c r="B31" s="42"/>
      <c r="C31" s="43"/>
      <c r="D31" s="43"/>
      <c r="E31" s="43"/>
      <c r="F31" s="5" t="s">
        <v>20</v>
      </c>
      <c r="G31" s="8" t="s">
        <v>20</v>
      </c>
      <c r="H31" s="6" t="s">
        <v>20</v>
      </c>
      <c r="I31" s="5" t="s">
        <v>20</v>
      </c>
      <c r="J31" s="8" t="s">
        <v>20</v>
      </c>
      <c r="K31" s="6"/>
      <c r="L31" s="5"/>
      <c r="M31" s="8" t="s">
        <v>20</v>
      </c>
      <c r="N31" s="6"/>
      <c r="O31" s="5" t="s">
        <v>28</v>
      </c>
      <c r="P31" s="8" t="s">
        <v>0</v>
      </c>
      <c r="Q31" s="7">
        <v>0.91666666666666663</v>
      </c>
      <c r="R31" s="33" t="s">
        <v>20</v>
      </c>
      <c r="S31" s="34"/>
      <c r="T31" s="35"/>
      <c r="U31" s="5"/>
      <c r="V31" s="8" t="s">
        <v>20</v>
      </c>
      <c r="W31" s="6"/>
    </row>
    <row r="32" spans="2:23" ht="16.5" thickBot="1" x14ac:dyDescent="0.3">
      <c r="B32" s="44"/>
      <c r="C32" s="45"/>
      <c r="D32" s="45"/>
      <c r="E32" s="45"/>
      <c r="F32" s="55" t="s">
        <v>20</v>
      </c>
      <c r="G32" s="56"/>
      <c r="H32" s="57"/>
      <c r="I32" s="55" t="s">
        <v>20</v>
      </c>
      <c r="J32" s="56"/>
      <c r="K32" s="57"/>
      <c r="L32" s="55" t="s">
        <v>20</v>
      </c>
      <c r="M32" s="56"/>
      <c r="N32" s="57"/>
      <c r="O32" s="49"/>
      <c r="P32" s="50"/>
      <c r="Q32" s="51"/>
      <c r="R32" s="49" t="s">
        <v>20</v>
      </c>
      <c r="S32" s="50"/>
      <c r="T32" s="51"/>
      <c r="U32" s="55" t="s">
        <v>20</v>
      </c>
      <c r="V32" s="56"/>
      <c r="W32" s="57"/>
    </row>
  </sheetData>
  <mergeCells count="134">
    <mergeCell ref="R30:T30"/>
    <mergeCell ref="U30:W30"/>
    <mergeCell ref="R31:T31"/>
    <mergeCell ref="F32:H32"/>
    <mergeCell ref="I32:K32"/>
    <mergeCell ref="L32:N32"/>
    <mergeCell ref="O32:Q32"/>
    <mergeCell ref="R32:T32"/>
    <mergeCell ref="U32:W32"/>
    <mergeCell ref="I29:K29"/>
    <mergeCell ref="L29:N29"/>
    <mergeCell ref="O29:Q29"/>
    <mergeCell ref="R29:T29"/>
    <mergeCell ref="U29:W29"/>
    <mergeCell ref="R25:T25"/>
    <mergeCell ref="U25:W25"/>
    <mergeCell ref="F26:H26"/>
    <mergeCell ref="I26:K26"/>
    <mergeCell ref="L26:N26"/>
    <mergeCell ref="O26:Q26"/>
    <mergeCell ref="R26:T26"/>
    <mergeCell ref="U26:W26"/>
    <mergeCell ref="R22:T22"/>
    <mergeCell ref="U22:W22"/>
    <mergeCell ref="F24:H24"/>
    <mergeCell ref="I24:K24"/>
    <mergeCell ref="L24:N24"/>
    <mergeCell ref="O24:Q24"/>
    <mergeCell ref="R24:T24"/>
    <mergeCell ref="U24:W24"/>
    <mergeCell ref="B25:E32"/>
    <mergeCell ref="F25:H25"/>
    <mergeCell ref="I25:K25"/>
    <mergeCell ref="L25:N25"/>
    <mergeCell ref="O25:Q25"/>
    <mergeCell ref="F28:H28"/>
    <mergeCell ref="I28:K28"/>
    <mergeCell ref="L28:N28"/>
    <mergeCell ref="O28:Q28"/>
    <mergeCell ref="F30:H30"/>
    <mergeCell ref="I30:K30"/>
    <mergeCell ref="L30:N30"/>
    <mergeCell ref="O30:Q30"/>
    <mergeCell ref="R28:T28"/>
    <mergeCell ref="U28:W28"/>
    <mergeCell ref="F29:H29"/>
    <mergeCell ref="L21:N21"/>
    <mergeCell ref="O21:Q21"/>
    <mergeCell ref="R21:T21"/>
    <mergeCell ref="U21:W21"/>
    <mergeCell ref="R17:T17"/>
    <mergeCell ref="U17:W17"/>
    <mergeCell ref="F18:H18"/>
    <mergeCell ref="I18:K18"/>
    <mergeCell ref="L18:N18"/>
    <mergeCell ref="O18:Q18"/>
    <mergeCell ref="R18:T18"/>
    <mergeCell ref="U18:W18"/>
    <mergeCell ref="R15:T15"/>
    <mergeCell ref="F16:H16"/>
    <mergeCell ref="I16:K16"/>
    <mergeCell ref="L16:N16"/>
    <mergeCell ref="O16:Q16"/>
    <mergeCell ref="R16:T16"/>
    <mergeCell ref="U16:W16"/>
    <mergeCell ref="B17:E24"/>
    <mergeCell ref="F17:H17"/>
    <mergeCell ref="I17:K17"/>
    <mergeCell ref="L17:N17"/>
    <mergeCell ref="O17:Q17"/>
    <mergeCell ref="F20:H20"/>
    <mergeCell ref="I20:K20"/>
    <mergeCell ref="L20:N20"/>
    <mergeCell ref="O20:Q20"/>
    <mergeCell ref="F22:H22"/>
    <mergeCell ref="I22:K22"/>
    <mergeCell ref="L22:N22"/>
    <mergeCell ref="O22:Q22"/>
    <mergeCell ref="R20:T20"/>
    <mergeCell ref="U20:W20"/>
    <mergeCell ref="F21:H21"/>
    <mergeCell ref="I21:K21"/>
    <mergeCell ref="R9:T9"/>
    <mergeCell ref="U9:W9"/>
    <mergeCell ref="F10:H10"/>
    <mergeCell ref="I10:K10"/>
    <mergeCell ref="L10:N10"/>
    <mergeCell ref="O10:Q10"/>
    <mergeCell ref="R10:T10"/>
    <mergeCell ref="U10:W10"/>
    <mergeCell ref="R14:T14"/>
    <mergeCell ref="U14:W14"/>
    <mergeCell ref="L14:N14"/>
    <mergeCell ref="R12:T12"/>
    <mergeCell ref="U12:W12"/>
    <mergeCell ref="F13:H13"/>
    <mergeCell ref="I13:K13"/>
    <mergeCell ref="L13:N13"/>
    <mergeCell ref="O13:Q13"/>
    <mergeCell ref="R13:T13"/>
    <mergeCell ref="U13:W13"/>
    <mergeCell ref="B4:W4"/>
    <mergeCell ref="B5:E5"/>
    <mergeCell ref="F2:T3"/>
    <mergeCell ref="B6:E6"/>
    <mergeCell ref="B2:E3"/>
    <mergeCell ref="T6:W6"/>
    <mergeCell ref="V2:W2"/>
    <mergeCell ref="V3:W3"/>
    <mergeCell ref="O14:Q14"/>
    <mergeCell ref="F5:W5"/>
    <mergeCell ref="Q6:S6"/>
    <mergeCell ref="M6:P6"/>
    <mergeCell ref="F6:J6"/>
    <mergeCell ref="B9:E16"/>
    <mergeCell ref="F9:H9"/>
    <mergeCell ref="I9:K9"/>
    <mergeCell ref="L9:N9"/>
    <mergeCell ref="O9:Q9"/>
    <mergeCell ref="F12:H12"/>
    <mergeCell ref="I12:K12"/>
    <mergeCell ref="L12:N12"/>
    <mergeCell ref="O12:Q12"/>
    <mergeCell ref="F14:H14"/>
    <mergeCell ref="I14:K14"/>
    <mergeCell ref="B7:W7"/>
    <mergeCell ref="K6:L6"/>
    <mergeCell ref="U8:W8"/>
    <mergeCell ref="B8:E8"/>
    <mergeCell ref="F8:H8"/>
    <mergeCell ref="I8:K8"/>
    <mergeCell ref="L8:N8"/>
    <mergeCell ref="O8:Q8"/>
    <mergeCell ref="R8:T8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7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Horario de Aplicação de AV.</vt:lpstr>
      <vt:lpstr>'Horario de Aplicação de AV.'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0107470</dc:creator>
  <cp:lastModifiedBy>Usuário do Windows</cp:lastModifiedBy>
  <cp:lastPrinted>2020-02-05T18:39:54Z</cp:lastPrinted>
  <dcterms:created xsi:type="dcterms:W3CDTF">2013-02-21T20:48:21Z</dcterms:created>
  <dcterms:modified xsi:type="dcterms:W3CDTF">2020-05-27T14:18:10Z</dcterms:modified>
</cp:coreProperties>
</file>